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:rsidRPr="00E7335A" w:rsidR="00F832CD" w:rsidP="00AC6D2D" w:rsidRDefault="00F832CD" w14:paraId="28D31F5C" w14:textId="77777777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Pr="00E7335A" w:rsidR="00F832CD" w:rsidP="00AC6D2D" w:rsidRDefault="00F832CD" w14:paraId="4666DE78" w14:textId="77777777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P="005478F9" w:rsidRDefault="00F832CD" w14:paraId="73717775" w14:textId="48FF67AF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573C8B">
        <w:rPr>
          <w:rFonts w:ascii="Times New Roman" w:hAnsi="Times New Roman"/>
          <w:b/>
          <w:bCs/>
        </w:rPr>
        <w:t>CHAMBERS HIGHPOINT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573C8B">
        <w:rPr>
          <w:rFonts w:ascii="Times New Roman" w:hAnsi="Times New Roman"/>
          <w:b/>
          <w:bCs/>
        </w:rPr>
        <w:t xml:space="preserve"> NOS. 1 AND 2</w:t>
      </w:r>
    </w:p>
    <w:p w:rsidRPr="00E7335A" w:rsidR="005478F9" w:rsidP="005478F9" w:rsidRDefault="005478F9" w14:paraId="6300C9D9" w14:textId="77777777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P="005478F9" w:rsidRDefault="00F832CD" w14:paraId="304C7DE6" w14:textId="21F8CF00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573C8B">
        <w:rPr>
          <w:rFonts w:ascii="Times New Roman" w:hAnsi="Times New Roman"/>
        </w:rPr>
        <w:t xml:space="preserve">Chambers Highpoint Metropolitan </w:t>
      </w:r>
      <w:r w:rsidRPr="00E7335A">
        <w:rPr>
          <w:rFonts w:ascii="Times New Roman" w:hAnsi="Times New Roman"/>
        </w:rPr>
        <w:t xml:space="preserve">District </w:t>
      </w:r>
      <w:r w:rsidR="00573C8B">
        <w:rPr>
          <w:rFonts w:ascii="Times New Roman" w:hAnsi="Times New Roman"/>
        </w:rPr>
        <w:t xml:space="preserve">Nos. 1 and 2 </w:t>
      </w:r>
      <w:r w:rsidRPr="00E7335A">
        <w:rPr>
          <w:rFonts w:ascii="Times New Roman" w:hAnsi="Times New Roman"/>
        </w:rPr>
        <w:t xml:space="preserve">of </w:t>
      </w:r>
      <w:r w:rsidR="00573C8B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3851F5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, 202</w:t>
      </w:r>
      <w:r w:rsidR="003851F5">
        <w:rPr>
          <w:rFonts w:ascii="Times New Roman" w:hAnsi="Times New Roman"/>
        </w:rPr>
        <w:t>3</w:t>
      </w:r>
      <w:r w:rsidRPr="00E7335A">
        <w:rPr>
          <w:rFonts w:ascii="Times New Roman" w:hAnsi="Times New Roman"/>
        </w:rPr>
        <w:t xml:space="preserve">, is hereby canceled pursuant to Section </w:t>
      </w:r>
      <w:r w:rsidRPr="00E7335A" w:rsidR="00D65A5C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Pr="00E7335A" w:rsidR="00137B39" w:rsidP="00F7273F" w:rsidRDefault="00137B39" w14:paraId="0186A1E5" w14:textId="77777777">
      <w:pPr>
        <w:widowControl/>
        <w:jc w:val="both"/>
        <w:rPr>
          <w:rFonts w:ascii="Times New Roman" w:hAnsi="Times New Roman"/>
        </w:rPr>
      </w:pPr>
    </w:p>
    <w:p w:rsidRPr="00573C8B" w:rsidR="00573C8B" w:rsidP="00573C8B" w:rsidRDefault="00573C8B" w14:paraId="3FDE3DCB" w14:textId="326EF05C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Frederick Miale</w:t>
      </w:r>
      <w:r w:rsidRPr="00573C8B">
        <w:rPr>
          <w:rFonts w:ascii="Times New Roman" w:hAnsi="Times New Roman"/>
        </w:rPr>
        <w:t xml:space="preserve"> to a 4-year term until May 2027</w:t>
      </w:r>
    </w:p>
    <w:p w:rsidRPr="00573C8B" w:rsidR="00F832CD" w:rsidP="00F7273F" w:rsidRDefault="00573C8B" w14:paraId="2EA334EE" w14:textId="5474F8C2">
      <w:pPr>
        <w:widowControl/>
        <w:jc w:val="center"/>
        <w:rPr>
          <w:rFonts w:ascii="Times New Roman" w:hAnsi="Times New Roman"/>
        </w:rPr>
      </w:pPr>
      <w:r w:rsidRPr="00573C8B">
        <w:rPr>
          <w:rFonts w:ascii="Times New Roman" w:hAnsi="Times New Roman"/>
        </w:rPr>
        <w:t>Jeffrey Robinson</w:t>
      </w:r>
      <w:r w:rsidRPr="00573C8B" w:rsidR="00F832CD">
        <w:rPr>
          <w:rFonts w:ascii="Times New Roman" w:hAnsi="Times New Roman"/>
        </w:rPr>
        <w:t xml:space="preserve"> to a </w:t>
      </w:r>
      <w:r w:rsidRPr="00573C8B" w:rsidR="003851F5">
        <w:rPr>
          <w:rFonts w:ascii="Times New Roman" w:hAnsi="Times New Roman"/>
        </w:rPr>
        <w:t>4</w:t>
      </w:r>
      <w:r w:rsidRPr="00573C8B" w:rsidR="00F832CD">
        <w:rPr>
          <w:rFonts w:ascii="Times New Roman" w:hAnsi="Times New Roman"/>
        </w:rPr>
        <w:t>-year term until May 20</w:t>
      </w:r>
      <w:r w:rsidRPr="00573C8B" w:rsidR="005478F9">
        <w:rPr>
          <w:rFonts w:ascii="Times New Roman" w:hAnsi="Times New Roman"/>
        </w:rPr>
        <w:t>2</w:t>
      </w:r>
      <w:r w:rsidRPr="00573C8B" w:rsidR="003851F5">
        <w:rPr>
          <w:rFonts w:ascii="Times New Roman" w:hAnsi="Times New Roman"/>
        </w:rPr>
        <w:t>7</w:t>
      </w:r>
    </w:p>
    <w:p w:rsidR="00F832CD" w:rsidP="00F7273F" w:rsidRDefault="005478F9" w14:paraId="463260C5" w14:textId="7896BF21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43652A">
        <w:rPr>
          <w:rFonts w:ascii="Times New Roman" w:hAnsi="Times New Roman"/>
        </w:rPr>
        <w:t>202</w:t>
      </w:r>
      <w:r w:rsidR="003851F5">
        <w:rPr>
          <w:rFonts w:ascii="Times New Roman" w:hAnsi="Times New Roman"/>
        </w:rPr>
        <w:t>3</w:t>
      </w:r>
      <w:r w:rsidR="00AB0D2B">
        <w:rPr>
          <w:rFonts w:ascii="Times New Roman" w:hAnsi="Times New Roman"/>
        </w:rPr>
        <w:t>-202</w:t>
      </w:r>
      <w:r w:rsidR="003851F5">
        <w:rPr>
          <w:rFonts w:ascii="Times New Roman" w:hAnsi="Times New Roman"/>
        </w:rPr>
        <w:t>5</w:t>
      </w:r>
      <w:r>
        <w:rPr>
          <w:rFonts w:ascii="Times New Roman" w:hAnsi="Times New Roman"/>
        </w:rPr>
        <w:t>)</w:t>
      </w:r>
    </w:p>
    <w:p w:rsidR="00573C8B" w:rsidP="00573C8B" w:rsidRDefault="00573C8B" w14:paraId="4A2F4C33" w14:textId="5A73DA56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3-2025)</w:t>
      </w:r>
    </w:p>
    <w:p w:rsidRPr="00E7335A" w:rsidR="00AA52ED" w:rsidP="00F7273F" w:rsidRDefault="00AA52ED" w14:paraId="15B740A5" w14:textId="5FEE15B1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</w:t>
      </w:r>
      <w:r w:rsidR="003851F5">
        <w:rPr>
          <w:rFonts w:ascii="Times New Roman" w:hAnsi="Times New Roman"/>
        </w:rPr>
        <w:t>3</w:t>
      </w:r>
      <w:r>
        <w:rPr>
          <w:rFonts w:ascii="Times New Roman" w:hAnsi="Times New Roman"/>
        </w:rPr>
        <w:t>-202</w:t>
      </w:r>
      <w:r w:rsidR="003851F5">
        <w:rPr>
          <w:rFonts w:ascii="Times New Roman" w:hAnsi="Times New Roman"/>
        </w:rPr>
        <w:t>7</w:t>
      </w:r>
      <w:r>
        <w:rPr>
          <w:rFonts w:ascii="Times New Roman" w:hAnsi="Times New Roman"/>
        </w:rPr>
        <w:t>)</w:t>
      </w:r>
    </w:p>
    <w:p w:rsidRPr="00E7335A" w:rsidR="005478F9" w:rsidP="00F7273F" w:rsidRDefault="005478F9" w14:paraId="3237B848" w14:textId="77777777">
      <w:pPr>
        <w:widowControl/>
        <w:jc w:val="center"/>
        <w:rPr>
          <w:rFonts w:ascii="Times New Roman" w:hAnsi="Times New Roman"/>
        </w:rPr>
      </w:pPr>
    </w:p>
    <w:p w:rsidRPr="00E7335A" w:rsidR="00F832CD" w:rsidP="00F7273F" w:rsidRDefault="00F832CD" w14:paraId="1EA580CB" w14:textId="77777777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P="00F7273F" w:rsidRDefault="00573C8B" w14:paraId="4E4AAF08" w14:textId="00B62A7C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CHAMBERS HIGHPOINT METROPOLITAN</w:t>
      </w:r>
      <w:r w:rsidRPr="00E7335A" w:rsidR="00F832CD">
        <w:rPr>
          <w:rFonts w:ascii="Times New Roman" w:hAnsi="Times New Roman"/>
        </w:rPr>
        <w:t xml:space="preserve"> DISTRICT</w:t>
      </w:r>
    </w:p>
    <w:p w:rsidRPr="00E7335A" w:rsidR="00573C8B" w:rsidP="00F7273F" w:rsidRDefault="00573C8B" w14:paraId="67888C05" w14:textId="3F69A2BC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NOS. 1 AND 2</w:t>
      </w:r>
    </w:p>
    <w:p w:rsidRPr="00E7335A" w:rsidR="00F832CD" w:rsidP="00F7273F" w:rsidRDefault="00F832CD" w14:paraId="2229A418" w14:textId="036B3606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</w:r>
      <w:r w:rsidRPr="00F7273F" w:rsidR="00F7273F">
        <w:rPr>
          <w:rFonts w:ascii="Times New Roman" w:hAnsi="Times New Roman"/>
          <w:i/>
          <w:iCs/>
        </w:rPr>
        <w:t>/s/</w:t>
      </w:r>
      <w:r w:rsidR="00573C8B">
        <w:rPr>
          <w:rFonts w:ascii="Times New Roman" w:hAnsi="Times New Roman"/>
          <w:i/>
          <w:iCs/>
        </w:rPr>
        <w:t xml:space="preserve"> Becky Johnson</w:t>
      </w:r>
      <w:r w:rsidRPr="00F7273F" w:rsidR="00F7273F">
        <w:rPr>
          <w:rFonts w:ascii="Times New Roman" w:hAnsi="Times New Roman"/>
          <w:i/>
          <w:iCs/>
        </w:rPr>
        <w:tab/>
      </w:r>
      <w:r w:rsidRPr="00F7273F" w:rsidR="00F7273F">
        <w:rPr>
          <w:rFonts w:ascii="Times New Roman" w:hAnsi="Times New Roman"/>
          <w:i/>
          <w:iCs/>
        </w:rPr>
        <w:tab/>
      </w:r>
      <w:r w:rsidRPr="00F7273F" w:rsidR="00F7273F">
        <w:rPr>
          <w:rFonts w:ascii="Times New Roman" w:hAnsi="Times New Roman"/>
          <w:i/>
          <w:iCs/>
        </w:rPr>
        <w:tab/>
      </w:r>
      <w:r w:rsidRPr="00F7273F" w:rsidR="00F7273F">
        <w:rPr>
          <w:rFonts w:ascii="Times New Roman" w:hAnsi="Times New Roman"/>
          <w:i/>
          <w:iCs/>
        </w:rPr>
        <w:tab/>
      </w:r>
    </w:p>
    <w:p w:rsidR="00F832CD" w:rsidP="00F7273F" w:rsidRDefault="00F832CD" w14:paraId="3288EC8F" w14:textId="77777777">
      <w:pPr>
        <w:widowControl/>
        <w:tabs>
          <w:tab w:val="left" w:pos="-1440"/>
        </w:tabs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P="00F7273F" w:rsidRDefault="0047683B" w14:paraId="49E7FA7F" w14:textId="77777777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P="00F7273F" w:rsidRDefault="00AB0D2B" w14:paraId="6381BE17" w14:textId="08C5BCFF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573C8B">
        <w:rPr>
          <w:rFonts w:ascii="Times New Roman" w:hAnsi="Times New Roman"/>
        </w:rPr>
        <w:t>March 16, 2023</w:t>
      </w:r>
    </w:p>
    <w:p w:rsidR="00AB0D2B" w:rsidP="00F7273F" w:rsidRDefault="00AB0D2B" w14:paraId="03665E0A" w14:textId="15E97703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573C8B">
        <w:rPr>
          <w:rFonts w:ascii="Times New Roman" w:hAnsi="Times New Roman"/>
        </w:rPr>
        <w:t>Douglas County News Press</w:t>
      </w:r>
    </w:p>
    <w:p w:rsidR="0047683B" w:rsidP="00F832CD" w:rsidRDefault="0047683B" w14:paraId="09324568" w14:textId="77777777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P="0047683B" w:rsidRDefault="0047683B" w14:paraId="689D5ADB" w14:textId="77777777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P="0047683B" w:rsidRDefault="0047683B" w14:paraId="77B3669C" w14:textId="77777777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102A7A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:rsidR="003D3DEF" w:rsidRDefault="003D3DEF" w14:paraId="75B1298A" w14:textId="77777777">
      <w:r>
        <w:separator/>
      </w:r>
    </w:p>
  </w:endnote>
  <w:endnote w:type="continuationSeparator" w:id="0">
    <w:p w:rsidR="003D3DEF" w:rsidRDefault="003D3DEF" w14:paraId="3F68A8EC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altName w:val="Courier New"/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panose1 w:val="02000500000000000000"/>
    <w:charset w:val="01"/>
    <w:family w:val="roman"/>
    <w:pitch w:val="variable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B30BE1" w:rsidRDefault="00B30BE1" w14:paraId="5278014E" w14:textId="77777777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B30BE1" w:rsidRDefault="00B30BE1" w14:paraId="2F5B5BED" w14:textId="77777777">
    <w:pPr>
      <w:pStyle w:val="Footer"/>
    </w:pPr>
  </w:p>
  <w:p w:rsidR="00B30BE1" w:rsidP="00B30BE1" w:rsidRDefault="00B30BE1" w14:paraId="5EE262F8" w14:textId="468A7967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102A7A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102A7A">
      <w:rPr>
        <w:sz w:val="16"/>
      </w:rPr>
      <w:instrText xml:space="preserve">DN 7434135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102A7A">
      <w:rPr>
        <w:noProof/>
        <w:sz w:val="16"/>
      </w:rPr>
      <w:t xml:space="preserve">DN 7434135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B30BE1" w:rsidRDefault="00B30BE1" w14:paraId="5573EA8F" w14:textId="77777777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:rsidR="003D3DEF" w:rsidRDefault="003D3DEF" w14:paraId="0ED3BADD" w14:textId="77777777">
      <w:r>
        <w:separator/>
      </w:r>
    </w:p>
  </w:footnote>
  <w:footnote w:type="continuationSeparator" w:id="0">
    <w:p w:rsidR="003D3DEF" w:rsidRDefault="003D3DEF" w14:paraId="0375153B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B30BE1" w:rsidRDefault="00B30BE1" w14:paraId="088361E6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B30BE1" w:rsidRDefault="00B30BE1" w14:paraId="0751385A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B30BE1" w:rsidRDefault="00B30BE1" w14:paraId="2C8441DB" w14:textId="77777777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E265BF"/>
    <w:rsid w:val="000027B4"/>
    <w:rsid w:val="00003AA1"/>
    <w:rsid w:val="00094817"/>
    <w:rsid w:val="00102A7A"/>
    <w:rsid w:val="00137B39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851F5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67BF1"/>
    <w:rsid w:val="00573C8B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9F60CA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7273F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76AC0E46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hAnsi="Times New Roman" w:eastAsia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styleId="BalloonTextChar" w:customStyle="1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/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:creator>Systems Administrator</dc:creator>
  <lastPrinted>1900-01-01T07:00:00.0000000Z</lastPrinted>
  <dcterms:created xsi:type="dcterms:W3CDTF">1900-01-01T07:00:00.0000000Z</dcterms:created>
  <dcterms:modified xsi:type="dcterms:W3CDTF">1900-01-01T07:00:00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/>
</file>